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032676\Desktop\"/>
    </mc:Choice>
  </mc:AlternateContent>
  <xr:revisionPtr revIDLastSave="0" documentId="13_ncr:1_{0EBE9A9E-DA58-420A-B360-95B0784CC249}" xr6:coauthVersionLast="47" xr6:coauthVersionMax="47" xr10:uidLastSave="{00000000-0000-0000-0000-000000000000}"/>
  <workbookProtection workbookAlgorithmName="SHA-512" workbookHashValue="Yg7al95/5TmZdPPrCahtJvPyocG0bbFK0XwNukRAYeomh4yZxBFzBHN6IqVRfABdMtfZsqiUP1cOhDsNLGLHmA==" workbookSaltValue="TiDMaJswujVAgbjDV1g1Wg==" workbookSpinCount="100000" lockStructure="1"/>
  <bookViews>
    <workbookView xWindow="3680" yWindow="3680" windowWidth="28800" windowHeight="15370" xr2:uid="{00000000-000D-0000-FFFF-FFFF00000000}"/>
  </bookViews>
  <sheets>
    <sheet name="小学生（ロードレース）" sheetId="1" r:id="rId1"/>
    <sheet name="Sheet2" sheetId="2" r:id="rId2"/>
    <sheet name="Sheet3" sheetId="3" r:id="rId3"/>
  </sheets>
  <definedNames>
    <definedName name="_xlnm.Print_Area" localSheetId="0">'小学生（ロードレース）'!$B$2:$V$4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17" i="1" l="1"/>
  <c r="C18" i="1"/>
  <c r="C19" i="1"/>
  <c r="C20" i="1"/>
  <c r="C21" i="1"/>
  <c r="C22" i="1"/>
  <c r="C23" i="1"/>
  <c r="C24" i="1"/>
  <c r="C25" i="1"/>
  <c r="C26" i="1"/>
  <c r="C27" i="1"/>
  <c r="C28" i="1"/>
  <c r="C29" i="1"/>
  <c r="C30" i="1"/>
  <c r="C31" i="1"/>
  <c r="C32" i="1"/>
  <c r="C33" i="1"/>
  <c r="C34" i="1"/>
  <c r="C35" i="1"/>
  <c r="C36" i="1"/>
  <c r="C37" i="1"/>
  <c r="C38" i="1"/>
  <c r="C39" i="1"/>
  <c r="C40" i="1"/>
  <c r="C41" i="1"/>
  <c r="C42" i="1"/>
  <c r="C43" i="1"/>
  <c r="C44" i="1"/>
  <c r="C45" i="1"/>
  <c r="M17" i="1"/>
  <c r="M18" i="1"/>
  <c r="M19" i="1"/>
  <c r="M20" i="1"/>
  <c r="M21" i="1"/>
  <c r="M22" i="1"/>
  <c r="M23" i="1"/>
  <c r="M24" i="1"/>
  <c r="M25" i="1"/>
  <c r="M26" i="1"/>
  <c r="M27" i="1"/>
  <c r="M28" i="1"/>
  <c r="M29" i="1"/>
  <c r="M30" i="1"/>
  <c r="M31" i="1"/>
  <c r="M32" i="1"/>
  <c r="M33" i="1"/>
  <c r="M34" i="1"/>
  <c r="M35" i="1"/>
  <c r="M36" i="1"/>
  <c r="M37" i="1"/>
  <c r="M38" i="1"/>
  <c r="M39" i="1"/>
  <c r="M40" i="1"/>
  <c r="M41" i="1"/>
  <c r="M42" i="1"/>
  <c r="M43" i="1"/>
  <c r="M44" i="1"/>
  <c r="M45" i="1"/>
  <c r="M16" i="1"/>
  <c r="C16" i="1"/>
  <c r="G11" i="1" l="1"/>
  <c r="F11" i="1"/>
  <c r="U17" i="1" l="1"/>
  <c r="U18" i="1"/>
  <c r="U19" i="1"/>
  <c r="U20" i="1"/>
  <c r="U21" i="1"/>
  <c r="U22" i="1"/>
  <c r="U23" i="1"/>
  <c r="U24" i="1"/>
  <c r="U25" i="1"/>
  <c r="U26" i="1"/>
  <c r="U27" i="1"/>
  <c r="U28" i="1"/>
  <c r="U29" i="1"/>
  <c r="U30" i="1"/>
  <c r="U31" i="1"/>
  <c r="U32" i="1"/>
  <c r="U33" i="1"/>
  <c r="U34" i="1"/>
  <c r="U35" i="1"/>
  <c r="U36" i="1"/>
  <c r="U37" i="1"/>
  <c r="U38" i="1"/>
  <c r="U39" i="1"/>
  <c r="U40" i="1"/>
  <c r="U41" i="1"/>
  <c r="U42" i="1"/>
  <c r="U43" i="1"/>
  <c r="U44" i="1"/>
  <c r="U45" i="1"/>
  <c r="K17" i="1"/>
  <c r="K18" i="1"/>
  <c r="K19" i="1"/>
  <c r="K20" i="1"/>
  <c r="K21" i="1"/>
  <c r="K22" i="1"/>
  <c r="K23" i="1"/>
  <c r="K24" i="1"/>
  <c r="K25" i="1"/>
  <c r="K26" i="1"/>
  <c r="K27" i="1"/>
  <c r="K28" i="1"/>
  <c r="K29" i="1"/>
  <c r="K30" i="1"/>
  <c r="K31" i="1"/>
  <c r="K32" i="1"/>
  <c r="K33" i="1"/>
  <c r="K34" i="1"/>
  <c r="K35" i="1"/>
  <c r="K36" i="1"/>
  <c r="K37" i="1"/>
  <c r="K38" i="1"/>
  <c r="K39" i="1"/>
  <c r="K40" i="1"/>
  <c r="K41" i="1"/>
  <c r="K42" i="1"/>
  <c r="K43" i="1"/>
  <c r="K44" i="1"/>
  <c r="K45" i="1"/>
  <c r="U16" i="1"/>
  <c r="K16" i="1"/>
  <c r="N11" i="1" l="1"/>
  <c r="M11" i="1"/>
  <c r="K11" i="1"/>
  <c r="J11" i="1"/>
  <c r="E11" i="1"/>
  <c r="D11" i="1"/>
  <c r="C11" i="1"/>
  <c r="L11" i="1"/>
  <c r="L6" i="1"/>
  <c r="H11" i="1" l="1"/>
  <c r="I8" i="1"/>
  <c r="P11" i="1" s="1"/>
  <c r="O11" i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tsukasa tagawa</author>
  </authors>
  <commentList>
    <comment ref="R4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小学校やスポーツ少年団は入れずに入力してください。
</t>
        </r>
      </text>
    </comment>
    <comment ref="R5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問い合わせができる人の名前を入力してください。</t>
        </r>
      </text>
    </comment>
    <comment ref="G6" authorId="0" shapeId="0" xr:uid="{00000000-0006-0000-00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参加人数をそれぞれ入力する。</t>
        </r>
      </text>
    </comment>
    <comment ref="I6" authorId="0" shapeId="0" xr:uid="{00000000-0006-0000-0000-000004000000}">
      <text>
        <r>
          <rPr>
            <b/>
            <sz val="9"/>
            <color indexed="81"/>
            <rFont val="ＭＳ Ｐゴシック"/>
            <family val="3"/>
            <charset val="128"/>
          </rPr>
          <t>参加人数をそれぞれ入力する。</t>
        </r>
      </text>
    </comment>
    <comment ref="R6" authorId="0" shapeId="0" xr:uid="{00000000-0006-0000-0000-000005000000}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確認等できる人の連絡先を入力してください。
</t>
        </r>
      </text>
    </comment>
    <comment ref="O16" authorId="0" shapeId="0" xr:uid="{00000000-0006-0000-0000-000006000000}">
      <text>
        <r>
          <rPr>
            <b/>
            <sz val="9"/>
            <color indexed="81"/>
            <rFont val="ＭＳ Ｐゴシック"/>
            <family val="3"/>
            <charset val="128"/>
          </rPr>
          <t>姓と名の間は一文字空ける。学年は半角数字で入力する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S16" authorId="0" shapeId="0" xr:uid="{00000000-0006-0000-0000-000007000000}">
      <text>
        <r>
          <rPr>
            <b/>
            <sz val="9"/>
            <color indexed="81"/>
            <rFont val="ＭＳ Ｐゴシック"/>
            <family val="3"/>
            <charset val="128"/>
          </rPr>
          <t>フリガナは半角カタカナで入力する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42" uniqueCount="35">
  <si>
    <t>名前</t>
    <rPh sb="0" eb="2">
      <t>ナマエ</t>
    </rPh>
    <phoneticPr fontId="1"/>
  </si>
  <si>
    <t>学年</t>
    <rPh sb="0" eb="2">
      <t>ガクネン</t>
    </rPh>
    <phoneticPr fontId="1"/>
  </si>
  <si>
    <t>フリガナ</t>
    <phoneticPr fontId="1"/>
  </si>
  <si>
    <t>ロードレース</t>
    <phoneticPr fontId="1"/>
  </si>
  <si>
    <t>Ｎｏ</t>
    <phoneticPr fontId="1"/>
  </si>
  <si>
    <t>代表者名</t>
    <rPh sb="0" eb="3">
      <t>ダイヒョウシャ</t>
    </rPh>
    <rPh sb="3" eb="4">
      <t>メイ</t>
    </rPh>
    <phoneticPr fontId="1"/>
  </si>
  <si>
    <t>連絡先（電話番号）</t>
    <rPh sb="0" eb="3">
      <t>レンラクサキ</t>
    </rPh>
    <rPh sb="4" eb="6">
      <t>デンワ</t>
    </rPh>
    <rPh sb="6" eb="8">
      <t>バンゴウ</t>
    </rPh>
    <phoneticPr fontId="1"/>
  </si>
  <si>
    <t>男子</t>
    <rPh sb="0" eb="2">
      <t>ダンシ</t>
    </rPh>
    <phoneticPr fontId="1"/>
  </si>
  <si>
    <t>女子</t>
    <rPh sb="0" eb="2">
      <t>ジョシ</t>
    </rPh>
    <phoneticPr fontId="1"/>
  </si>
  <si>
    <t>男女合計</t>
    <rPh sb="0" eb="2">
      <t>ダンジョ</t>
    </rPh>
    <rPh sb="2" eb="4">
      <t>ゴウケイ</t>
    </rPh>
    <phoneticPr fontId="1"/>
  </si>
  <si>
    <t>ﾛｰﾄﾞﾚｰｽ参加者数</t>
    <rPh sb="7" eb="9">
      <t>サンカ</t>
    </rPh>
    <rPh sb="9" eb="10">
      <t>シャ</t>
    </rPh>
    <rPh sb="10" eb="11">
      <t>スウ</t>
    </rPh>
    <phoneticPr fontId="1"/>
  </si>
  <si>
    <t>連絡先</t>
    <rPh sb="0" eb="3">
      <t>レンラクサキ</t>
    </rPh>
    <phoneticPr fontId="1"/>
  </si>
  <si>
    <t>駅伝（男）</t>
    <rPh sb="0" eb="2">
      <t>エキデン</t>
    </rPh>
    <rPh sb="3" eb="4">
      <t>オトコ</t>
    </rPh>
    <phoneticPr fontId="1"/>
  </si>
  <si>
    <t>駅伝（女）</t>
    <rPh sb="0" eb="2">
      <t>エキデン</t>
    </rPh>
    <rPh sb="3" eb="4">
      <t>オンナ</t>
    </rPh>
    <phoneticPr fontId="1"/>
  </si>
  <si>
    <t>団名</t>
    <rPh sb="0" eb="1">
      <t>ダン</t>
    </rPh>
    <rPh sb="1" eb="2">
      <t>メイ</t>
    </rPh>
    <phoneticPr fontId="1"/>
  </si>
  <si>
    <t>参加者合計（男）</t>
    <rPh sb="0" eb="3">
      <t>サンカシャ</t>
    </rPh>
    <rPh sb="3" eb="5">
      <t>ゴウケイ</t>
    </rPh>
    <rPh sb="6" eb="7">
      <t>オトコ</t>
    </rPh>
    <phoneticPr fontId="1"/>
  </si>
  <si>
    <t>参加者合計（女）</t>
    <rPh sb="0" eb="3">
      <t>サンカシャ</t>
    </rPh>
    <rPh sb="3" eb="5">
      <t>ゴウケイ</t>
    </rPh>
    <rPh sb="6" eb="7">
      <t>ジョ</t>
    </rPh>
    <phoneticPr fontId="1"/>
  </si>
  <si>
    <t>指導者数</t>
    <rPh sb="0" eb="2">
      <t>シドウ</t>
    </rPh>
    <rPh sb="2" eb="3">
      <t>シャ</t>
    </rPh>
    <rPh sb="3" eb="4">
      <t>スウ</t>
    </rPh>
    <phoneticPr fontId="1"/>
  </si>
  <si>
    <t>駅伝（合計）</t>
    <rPh sb="0" eb="2">
      <t>エキデン</t>
    </rPh>
    <rPh sb="3" eb="5">
      <t>ゴウケイ</t>
    </rPh>
    <phoneticPr fontId="1"/>
  </si>
  <si>
    <t>ﾛｰﾄﾞﾚｰｽ（男）</t>
    <rPh sb="8" eb="9">
      <t>オトコ</t>
    </rPh>
    <phoneticPr fontId="1"/>
  </si>
  <si>
    <t>ﾛｰﾄﾞﾚｰｽ（女）</t>
    <rPh sb="8" eb="9">
      <t>オンナ</t>
    </rPh>
    <phoneticPr fontId="1"/>
  </si>
  <si>
    <t>ﾛｰﾄﾞﾚｰｽ（合計）</t>
    <rPh sb="8" eb="10">
      <t>ゴウケイ</t>
    </rPh>
    <phoneticPr fontId="1"/>
  </si>
  <si>
    <t>参加者合計（男女）</t>
    <rPh sb="0" eb="3">
      <t>サンカシャ</t>
    </rPh>
    <rPh sb="3" eb="5">
      <t>ゴウケイ</t>
    </rPh>
    <rPh sb="6" eb="7">
      <t>オトコ</t>
    </rPh>
    <rPh sb="7" eb="8">
      <t>ジョ</t>
    </rPh>
    <phoneticPr fontId="1"/>
  </si>
  <si>
    <t>区分</t>
    <rPh sb="0" eb="2">
      <t>クブン</t>
    </rPh>
    <phoneticPr fontId="1"/>
  </si>
  <si>
    <t>参加料合計</t>
    <rPh sb="0" eb="3">
      <t>サンカリョウ</t>
    </rPh>
    <rPh sb="3" eb="5">
      <t>ゴウケイ</t>
    </rPh>
    <phoneticPr fontId="1"/>
  </si>
  <si>
    <t>団体名</t>
    <rPh sb="0" eb="3">
      <t>ダンタイメイ</t>
    </rPh>
    <phoneticPr fontId="1"/>
  </si>
  <si>
    <t>　　　　　　　</t>
    <phoneticPr fontId="1"/>
  </si>
  <si>
    <t>※男女ロードレース参加者数を入力する。</t>
    <rPh sb="1" eb="3">
      <t>ダンジョ</t>
    </rPh>
    <rPh sb="9" eb="13">
      <t>サンカシャスウ</t>
    </rPh>
    <rPh sb="14" eb="16">
      <t>ニュウリョク</t>
    </rPh>
    <phoneticPr fontId="1"/>
  </si>
  <si>
    <t>※参加者は５年生、６年生のみです。</t>
    <rPh sb="1" eb="3">
      <t>サンカ</t>
    </rPh>
    <rPh sb="3" eb="4">
      <t>シャ</t>
    </rPh>
    <rPh sb="6" eb="8">
      <t>ネンセイ</t>
    </rPh>
    <rPh sb="10" eb="12">
      <t>ネンセイ</t>
    </rPh>
    <phoneticPr fontId="1"/>
  </si>
  <si>
    <t>参加料</t>
    <rPh sb="0" eb="3">
      <t>サンカリョウ</t>
    </rPh>
    <phoneticPr fontId="1"/>
  </si>
  <si>
    <t>黄色のセルに入力してください。</t>
    <rPh sb="0" eb="2">
      <t>キイロ</t>
    </rPh>
    <rPh sb="6" eb="8">
      <t>ニュウリョク</t>
    </rPh>
    <phoneticPr fontId="1"/>
  </si>
  <si>
    <t>団体名（学校名）</t>
    <rPh sb="0" eb="2">
      <t>ダンタイ</t>
    </rPh>
    <rPh sb="2" eb="3">
      <t>メイ</t>
    </rPh>
    <rPh sb="4" eb="6">
      <t>ガッコウ</t>
    </rPh>
    <rPh sb="6" eb="7">
      <t>メイ</t>
    </rPh>
    <phoneticPr fontId="1"/>
  </si>
  <si>
    <t>男子（１．７ｋｍ）</t>
    <rPh sb="0" eb="2">
      <t>ダンシ</t>
    </rPh>
    <phoneticPr fontId="1"/>
  </si>
  <si>
    <t>女子（１．７ｋｍ）</t>
    <rPh sb="0" eb="2">
      <t>ジョシ</t>
    </rPh>
    <phoneticPr fontId="1"/>
  </si>
  <si>
    <t>第３６回　広島ニューライオンズクラブカップ新人駅伝大会　小学生（ﾛｰﾄﾞﾚｰｽ）申込書</t>
    <rPh sb="0" eb="1">
      <t>ダイ</t>
    </rPh>
    <rPh sb="3" eb="4">
      <t>カイ</t>
    </rPh>
    <rPh sb="5" eb="7">
      <t>ヒロシマ</t>
    </rPh>
    <rPh sb="21" eb="23">
      <t>シンジン</t>
    </rPh>
    <rPh sb="23" eb="25">
      <t>エキデン</t>
    </rPh>
    <rPh sb="25" eb="27">
      <t>タイカイ</t>
    </rPh>
    <rPh sb="28" eb="31">
      <t>ショウガクセイ</t>
    </rPh>
    <rPh sb="40" eb="43">
      <t>モウシコミ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1"/>
      <color rgb="FFFF0000"/>
      <name val="ＭＳ Ｐゴシック"/>
      <family val="2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16"/>
      <color rgb="FFFF0000"/>
      <name val="ＭＳ Ｐゴシック"/>
      <family val="2"/>
      <charset val="128"/>
      <scheme val="minor"/>
    </font>
    <font>
      <sz val="16"/>
      <color rgb="FFFF0000"/>
      <name val="ＭＳ Ｐゴシック"/>
      <family val="3"/>
      <charset val="128"/>
      <scheme val="minor"/>
    </font>
    <font>
      <sz val="14"/>
      <color rgb="FFFF0000"/>
      <name val="ＭＳ Ｐゴシック"/>
      <family val="2"/>
      <charset val="128"/>
      <scheme val="minor"/>
    </font>
    <font>
      <sz val="14"/>
      <color rgb="FFFF0000"/>
      <name val="ＭＳ Ｐゴシック"/>
      <family val="3"/>
      <charset val="128"/>
      <scheme val="minor"/>
    </font>
    <font>
      <sz val="12"/>
      <color rgb="FFFF0000"/>
      <name val="HG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73">
    <xf numFmtId="0" fontId="0" fillId="0" borderId="0" xfId="0">
      <alignment vertical="center"/>
    </xf>
    <xf numFmtId="0" fontId="0" fillId="0" borderId="0" xfId="0" applyFill="1">
      <alignment vertical="center"/>
    </xf>
    <xf numFmtId="0" fontId="0" fillId="2" borderId="0" xfId="0" applyFill="1">
      <alignment vertical="center"/>
    </xf>
    <xf numFmtId="0" fontId="2" fillId="2" borderId="0" xfId="0" applyFont="1" applyFill="1">
      <alignment vertical="center"/>
    </xf>
    <xf numFmtId="0" fontId="5" fillId="0" borderId="0" xfId="0" applyFont="1">
      <alignment vertical="center"/>
    </xf>
    <xf numFmtId="0" fontId="5" fillId="0" borderId="0" xfId="0" applyFont="1" applyFill="1" applyBorder="1">
      <alignment vertical="center"/>
    </xf>
    <xf numFmtId="0" fontId="5" fillId="0" borderId="0" xfId="0" applyFont="1" applyFill="1">
      <alignment vertical="center"/>
    </xf>
    <xf numFmtId="0" fontId="6" fillId="0" borderId="0" xfId="0" applyFont="1">
      <alignment vertical="center"/>
    </xf>
    <xf numFmtId="0" fontId="6" fillId="0" borderId="0" xfId="0" applyFont="1" applyFill="1" applyBorder="1">
      <alignment vertical="center"/>
    </xf>
    <xf numFmtId="0" fontId="6" fillId="0" borderId="0" xfId="0" applyFont="1" applyFill="1">
      <alignment vertical="center"/>
    </xf>
    <xf numFmtId="0" fontId="6" fillId="0" borderId="0" xfId="0" applyFont="1" applyFill="1" applyBorder="1" applyAlignment="1">
      <alignment vertical="center"/>
    </xf>
    <xf numFmtId="0" fontId="6" fillId="0" borderId="0" xfId="0" applyFont="1" applyFill="1" applyBorder="1" applyAlignment="1">
      <alignment vertical="center" textRotation="255"/>
    </xf>
    <xf numFmtId="0" fontId="6" fillId="0" borderId="0" xfId="0" applyFont="1" applyFill="1" applyBorder="1" applyAlignment="1">
      <alignment horizontal="center" vertical="center"/>
    </xf>
    <xf numFmtId="0" fontId="7" fillId="0" borderId="0" xfId="0" applyFont="1">
      <alignment vertical="center"/>
    </xf>
    <xf numFmtId="0" fontId="5" fillId="0" borderId="13" xfId="0" applyFont="1" applyFill="1" applyBorder="1">
      <alignment vertical="center"/>
    </xf>
    <xf numFmtId="0" fontId="5" fillId="0" borderId="2" xfId="0" applyFont="1" applyBorder="1">
      <alignment vertical="center"/>
    </xf>
    <xf numFmtId="0" fontId="5" fillId="0" borderId="4" xfId="0" applyFont="1" applyBorder="1">
      <alignment vertical="center"/>
    </xf>
    <xf numFmtId="0" fontId="5" fillId="0" borderId="3" xfId="0" applyFont="1" applyBorder="1">
      <alignment vertical="center"/>
    </xf>
    <xf numFmtId="0" fontId="5" fillId="0" borderId="1" xfId="0" applyFont="1" applyBorder="1">
      <alignment vertical="center"/>
    </xf>
    <xf numFmtId="0" fontId="5" fillId="2" borderId="1" xfId="0" applyFont="1" applyFill="1" applyBorder="1" applyProtection="1">
      <alignment vertical="center"/>
      <protection locked="0"/>
    </xf>
    <xf numFmtId="0" fontId="5" fillId="0" borderId="1" xfId="0" applyFont="1" applyFill="1" applyBorder="1">
      <alignment vertical="center"/>
    </xf>
    <xf numFmtId="0" fontId="5" fillId="0" borderId="0" xfId="0" applyFont="1" applyAlignment="1">
      <alignment horizontal="left" vertical="center" wrapText="1"/>
    </xf>
    <xf numFmtId="0" fontId="5" fillId="0" borderId="14" xfId="0" applyFont="1" applyFill="1" applyBorder="1">
      <alignment vertical="center"/>
    </xf>
    <xf numFmtId="0" fontId="5" fillId="0" borderId="0" xfId="0" applyFont="1" applyFill="1" applyBorder="1" applyAlignment="1">
      <alignment vertical="center"/>
    </xf>
    <xf numFmtId="0" fontId="5" fillId="0" borderId="0" xfId="0" applyFont="1" applyAlignment="1">
      <alignment vertical="center" textRotation="255"/>
    </xf>
    <xf numFmtId="0" fontId="6" fillId="0" borderId="0" xfId="0" applyFont="1" applyFill="1" applyAlignment="1">
      <alignment vertical="center" textRotation="255"/>
    </xf>
    <xf numFmtId="0" fontId="6" fillId="0" borderId="0" xfId="0" applyFont="1" applyFill="1" applyAlignment="1" applyProtection="1">
      <alignment vertical="center" textRotation="255"/>
      <protection locked="0"/>
    </xf>
    <xf numFmtId="0" fontId="9" fillId="0" borderId="0" xfId="0" applyFont="1">
      <alignment vertical="center"/>
    </xf>
    <xf numFmtId="0" fontId="10" fillId="0" borderId="0" xfId="0" applyFont="1">
      <alignment vertical="center"/>
    </xf>
    <xf numFmtId="0" fontId="5" fillId="0" borderId="0" xfId="0" applyFont="1" applyFill="1" applyBorder="1" applyAlignment="1">
      <alignment vertical="center" shrinkToFit="1"/>
    </xf>
    <xf numFmtId="0" fontId="8" fillId="0" borderId="0" xfId="0" applyFont="1">
      <alignment vertical="center"/>
    </xf>
    <xf numFmtId="0" fontId="5" fillId="0" borderId="1" xfId="0" applyFont="1" applyBorder="1" applyAlignment="1">
      <alignment vertical="center" wrapText="1"/>
    </xf>
    <xf numFmtId="0" fontId="11" fillId="0" borderId="0" xfId="0" applyFont="1" applyBorder="1" applyProtection="1">
      <alignment vertical="center"/>
    </xf>
    <xf numFmtId="0" fontId="5" fillId="0" borderId="1" xfId="0" applyFont="1" applyBorder="1" applyAlignment="1">
      <alignment vertical="center" shrinkToFit="1"/>
    </xf>
    <xf numFmtId="0" fontId="5" fillId="2" borderId="1" xfId="0" applyFont="1" applyFill="1" applyBorder="1" applyAlignment="1" applyProtection="1">
      <alignment horizontal="center" vertical="center" shrinkToFit="1"/>
      <protection locked="0"/>
    </xf>
    <xf numFmtId="0" fontId="5" fillId="2" borderId="2" xfId="0" applyFont="1" applyFill="1" applyBorder="1" applyAlignment="1" applyProtection="1">
      <alignment horizontal="center" vertical="center" shrinkToFit="1"/>
      <protection locked="0"/>
    </xf>
    <xf numFmtId="0" fontId="5" fillId="2" borderId="4" xfId="0" applyFont="1" applyFill="1" applyBorder="1" applyAlignment="1" applyProtection="1">
      <alignment horizontal="center" vertical="center" shrinkToFit="1"/>
      <protection locked="0"/>
    </xf>
    <xf numFmtId="0" fontId="5" fillId="2" borderId="3" xfId="0" applyFont="1" applyFill="1" applyBorder="1" applyAlignment="1" applyProtection="1">
      <alignment horizontal="center" vertical="center" shrinkToFit="1"/>
      <protection locked="0"/>
    </xf>
    <xf numFmtId="0" fontId="5" fillId="2" borderId="1" xfId="0" applyFont="1" applyFill="1" applyBorder="1" applyAlignment="1" applyProtection="1">
      <alignment horizontal="center" vertical="center" shrinkToFit="1"/>
      <protection locked="0"/>
    </xf>
    <xf numFmtId="0" fontId="5" fillId="0" borderId="2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2" borderId="5" xfId="0" applyFont="1" applyFill="1" applyBorder="1" applyAlignment="1" applyProtection="1">
      <alignment horizontal="center" vertical="center"/>
      <protection locked="0"/>
    </xf>
    <xf numFmtId="0" fontId="5" fillId="2" borderId="6" xfId="0" applyFont="1" applyFill="1" applyBorder="1" applyAlignment="1" applyProtection="1">
      <alignment horizontal="center" vertical="center"/>
      <protection locked="0"/>
    </xf>
    <xf numFmtId="0" fontId="5" fillId="2" borderId="7" xfId="0" applyFont="1" applyFill="1" applyBorder="1" applyAlignment="1" applyProtection="1">
      <alignment horizontal="center" vertical="center"/>
      <protection locked="0"/>
    </xf>
    <xf numFmtId="0" fontId="5" fillId="2" borderId="8" xfId="0" applyFont="1" applyFill="1" applyBorder="1" applyAlignment="1" applyProtection="1">
      <alignment horizontal="center" vertical="center"/>
      <protection locked="0"/>
    </xf>
    <xf numFmtId="0" fontId="5" fillId="2" borderId="1" xfId="0" applyFont="1" applyFill="1" applyBorder="1" applyAlignment="1" applyProtection="1">
      <alignment horizontal="center" vertical="center"/>
      <protection locked="0"/>
    </xf>
    <xf numFmtId="0" fontId="5" fillId="2" borderId="9" xfId="0" applyFont="1" applyFill="1" applyBorder="1" applyAlignment="1" applyProtection="1">
      <alignment horizontal="center" vertical="center"/>
      <protection locked="0"/>
    </xf>
    <xf numFmtId="49" fontId="5" fillId="2" borderId="10" xfId="0" applyNumberFormat="1" applyFont="1" applyFill="1" applyBorder="1" applyAlignment="1" applyProtection="1">
      <alignment horizontal="center" vertical="center"/>
      <protection locked="0"/>
    </xf>
    <xf numFmtId="49" fontId="5" fillId="2" borderId="11" xfId="0" applyNumberFormat="1" applyFont="1" applyFill="1" applyBorder="1" applyAlignment="1" applyProtection="1">
      <alignment horizontal="center" vertical="center"/>
      <protection locked="0"/>
    </xf>
    <xf numFmtId="49" fontId="5" fillId="2" borderId="12" xfId="0" applyNumberFormat="1" applyFont="1" applyFill="1" applyBorder="1" applyAlignment="1" applyProtection="1">
      <alignment horizontal="center" vertical="center"/>
      <protection locked="0"/>
    </xf>
    <xf numFmtId="0" fontId="5" fillId="0" borderId="2" xfId="0" applyFont="1" applyBorder="1" applyAlignment="1">
      <alignment horizontal="left" vertical="center" shrinkToFit="1"/>
    </xf>
    <xf numFmtId="0" fontId="5" fillId="0" borderId="4" xfId="0" applyFont="1" applyBorder="1" applyAlignment="1">
      <alignment horizontal="left" vertical="center" shrinkToFit="1"/>
    </xf>
    <xf numFmtId="0" fontId="5" fillId="0" borderId="2" xfId="0" applyFont="1" applyBorder="1" applyAlignment="1">
      <alignment horizontal="left" vertical="center"/>
    </xf>
    <xf numFmtId="0" fontId="5" fillId="0" borderId="4" xfId="0" applyFont="1" applyBorder="1" applyAlignment="1">
      <alignment horizontal="left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Alignment="1">
      <alignment horizontal="left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 applyProtection="1">
      <alignment horizontal="center" vertical="center" wrapText="1"/>
      <protection locked="0"/>
    </xf>
    <xf numFmtId="0" fontId="5" fillId="0" borderId="4" xfId="0" applyFont="1" applyBorder="1" applyAlignment="1" applyProtection="1">
      <alignment horizontal="center" vertical="center" wrapText="1"/>
      <protection locked="0"/>
    </xf>
    <xf numFmtId="0" fontId="5" fillId="0" borderId="3" xfId="0" applyFont="1" applyBorder="1" applyAlignment="1" applyProtection="1">
      <alignment horizontal="center" vertical="center" wrapText="1"/>
      <protection locked="0"/>
    </xf>
    <xf numFmtId="0" fontId="7" fillId="0" borderId="2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5" fillId="0" borderId="1" xfId="0" applyFont="1" applyBorder="1" applyAlignment="1">
      <alignment horizontal="center" vertical="center" shrinkToFit="1"/>
    </xf>
    <xf numFmtId="0" fontId="5" fillId="0" borderId="1" xfId="0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Y46"/>
  <sheetViews>
    <sheetView tabSelected="1" zoomScaleNormal="100" workbookViewId="0">
      <selection activeCell="C2" sqref="C2:U2"/>
    </sheetView>
  </sheetViews>
  <sheetFormatPr defaultRowHeight="13" x14ac:dyDescent="0.2"/>
  <cols>
    <col min="1" max="1" width="22.6328125" customWidth="1"/>
    <col min="2" max="2" width="3" customWidth="1"/>
    <col min="3" max="3" width="3.36328125" customWidth="1"/>
    <col min="4" max="4" width="6.08984375" customWidth="1"/>
    <col min="5" max="7" width="4.7265625" customWidth="1"/>
    <col min="8" max="8" width="5.08984375" customWidth="1"/>
    <col min="9" max="10" width="6.90625" customWidth="1"/>
    <col min="11" max="11" width="6.36328125" customWidth="1"/>
    <col min="12" max="12" width="6.453125" customWidth="1"/>
    <col min="13" max="13" width="3.36328125" customWidth="1"/>
    <col min="14" max="14" width="6.08984375" customWidth="1"/>
    <col min="15" max="17" width="4.7265625" customWidth="1"/>
    <col min="18" max="18" width="5.08984375" customWidth="1"/>
    <col min="19" max="20" width="6.90625" customWidth="1"/>
    <col min="21" max="21" width="6.36328125" customWidth="1"/>
    <col min="22" max="22" width="7" customWidth="1"/>
  </cols>
  <sheetData>
    <row r="1" spans="1:25" ht="39" customHeight="1" x14ac:dyDescent="0.2">
      <c r="H1" s="3" t="s">
        <v>30</v>
      </c>
      <c r="I1" s="2"/>
      <c r="J1" s="2"/>
      <c r="K1" s="2"/>
      <c r="L1" s="2"/>
      <c r="M1" s="2"/>
      <c r="N1" s="3"/>
      <c r="O1" s="2"/>
      <c r="P1" s="2"/>
      <c r="Q1" s="1"/>
      <c r="R1" s="1"/>
    </row>
    <row r="2" spans="1:25" ht="33" customHeight="1" x14ac:dyDescent="0.2">
      <c r="A2" s="4"/>
      <c r="B2" s="4"/>
      <c r="C2" s="64" t="s">
        <v>34</v>
      </c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  <c r="T2" s="65"/>
      <c r="U2" s="66"/>
      <c r="V2" s="4"/>
      <c r="W2" s="4"/>
    </row>
    <row r="3" spans="1:25" ht="33" customHeight="1" thickBot="1" x14ac:dyDescent="0.25">
      <c r="A3" s="4"/>
      <c r="B3" s="4"/>
      <c r="C3" s="4"/>
      <c r="D3" s="13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</row>
    <row r="4" spans="1:25" ht="21.75" customHeight="1" x14ac:dyDescent="0.2">
      <c r="A4" s="4"/>
      <c r="B4" s="4"/>
      <c r="C4" s="5"/>
      <c r="D4" s="5"/>
      <c r="E4" s="5"/>
      <c r="F4" s="5"/>
      <c r="G4" s="5"/>
      <c r="H4" s="5"/>
      <c r="I4" s="5"/>
      <c r="J4" s="5"/>
      <c r="K4" s="5"/>
      <c r="L4" s="5"/>
      <c r="M4" s="4"/>
      <c r="N4" s="4"/>
      <c r="O4" s="55" t="s">
        <v>31</v>
      </c>
      <c r="P4" s="56"/>
      <c r="Q4" s="56"/>
      <c r="R4" s="44"/>
      <c r="S4" s="45"/>
      <c r="T4" s="45"/>
      <c r="U4" s="46"/>
      <c r="V4" s="4" t="s">
        <v>26</v>
      </c>
      <c r="W4" s="4"/>
    </row>
    <row r="5" spans="1:25" ht="21.75" customHeight="1" x14ac:dyDescent="0.2">
      <c r="A5" s="4"/>
      <c r="B5" s="4"/>
      <c r="C5" s="14"/>
      <c r="D5" s="14"/>
      <c r="E5" s="14"/>
      <c r="F5" s="14"/>
      <c r="G5" s="14"/>
      <c r="H5" s="14"/>
      <c r="I5" s="14"/>
      <c r="J5" s="14"/>
      <c r="K5" s="14"/>
      <c r="L5" s="14"/>
      <c r="M5" s="4"/>
      <c r="N5" s="4"/>
      <c r="O5" s="55" t="s">
        <v>5</v>
      </c>
      <c r="P5" s="56"/>
      <c r="Q5" s="56"/>
      <c r="R5" s="47"/>
      <c r="S5" s="48"/>
      <c r="T5" s="48"/>
      <c r="U5" s="49"/>
      <c r="V5" s="4"/>
      <c r="W5" s="4"/>
    </row>
    <row r="6" spans="1:25" ht="21.75" customHeight="1" thickBot="1" x14ac:dyDescent="0.25">
      <c r="A6" s="4"/>
      <c r="B6" s="4"/>
      <c r="C6" s="15" t="s">
        <v>10</v>
      </c>
      <c r="D6" s="16"/>
      <c r="E6" s="17"/>
      <c r="F6" s="18" t="s">
        <v>7</v>
      </c>
      <c r="G6" s="19"/>
      <c r="H6" s="18" t="s">
        <v>8</v>
      </c>
      <c r="I6" s="19"/>
      <c r="J6" s="18" t="s">
        <v>9</v>
      </c>
      <c r="K6" s="18"/>
      <c r="L6" s="20">
        <f t="shared" ref="L6" si="0">G6+I6</f>
        <v>0</v>
      </c>
      <c r="M6" s="59"/>
      <c r="N6" s="59"/>
      <c r="O6" s="53" t="s">
        <v>6</v>
      </c>
      <c r="P6" s="54"/>
      <c r="Q6" s="54"/>
      <c r="R6" s="50"/>
      <c r="S6" s="51"/>
      <c r="T6" s="51"/>
      <c r="U6" s="52"/>
      <c r="V6" s="4"/>
      <c r="W6" s="4"/>
    </row>
    <row r="7" spans="1:25" ht="21.75" customHeight="1" x14ac:dyDescent="0.2">
      <c r="A7" s="4"/>
      <c r="B7" s="4"/>
      <c r="C7" s="5" t="s">
        <v>27</v>
      </c>
      <c r="D7" s="4"/>
      <c r="E7" s="4"/>
      <c r="F7" s="4"/>
      <c r="G7" s="4"/>
      <c r="H7" s="4"/>
      <c r="I7" s="4"/>
      <c r="J7" s="4"/>
      <c r="K7" s="4"/>
      <c r="L7" s="4"/>
      <c r="M7" s="21"/>
      <c r="N7" s="21"/>
      <c r="O7" s="22"/>
      <c r="P7" s="22"/>
      <c r="Q7" s="22"/>
      <c r="R7" s="57"/>
      <c r="S7" s="57"/>
      <c r="T7" s="57"/>
      <c r="U7" s="57"/>
      <c r="V7" s="4"/>
      <c r="W7" s="4"/>
    </row>
    <row r="8" spans="1:25" ht="21.75" customHeight="1" x14ac:dyDescent="0.2">
      <c r="A8" s="4"/>
      <c r="B8" s="4"/>
      <c r="C8" s="58">
        <v>0</v>
      </c>
      <c r="D8" s="58"/>
      <c r="E8" s="5"/>
      <c r="F8" s="4"/>
      <c r="G8" s="39" t="s">
        <v>29</v>
      </c>
      <c r="H8" s="40"/>
      <c r="I8" s="67">
        <f>$L$6*200</f>
        <v>0</v>
      </c>
      <c r="J8" s="68"/>
      <c r="K8" s="69"/>
      <c r="L8" s="4"/>
      <c r="M8" s="23"/>
      <c r="N8" s="23"/>
      <c r="O8" s="5"/>
      <c r="P8" s="23"/>
      <c r="Q8" s="23"/>
      <c r="R8" s="58"/>
      <c r="S8" s="58"/>
      <c r="T8" s="58"/>
      <c r="U8" s="58"/>
      <c r="V8" s="4"/>
      <c r="W8" s="4"/>
    </row>
    <row r="9" spans="1:25" ht="18" customHeight="1" x14ac:dyDescent="0.2">
      <c r="A9" s="4"/>
      <c r="B9" s="4"/>
      <c r="C9" s="12"/>
      <c r="D9" s="12"/>
      <c r="E9" s="8"/>
      <c r="F9" s="9"/>
      <c r="G9" s="8"/>
      <c r="H9" s="8"/>
      <c r="I9" s="12"/>
      <c r="J9" s="12"/>
      <c r="K9" s="12"/>
      <c r="L9" s="7"/>
      <c r="M9" s="10"/>
      <c r="N9" s="10"/>
      <c r="O9" s="8"/>
      <c r="P9" s="10"/>
      <c r="Q9" s="10"/>
      <c r="R9" s="70"/>
      <c r="S9" s="70"/>
      <c r="T9" s="70"/>
      <c r="U9" s="70"/>
      <c r="V9" s="7"/>
      <c r="W9" s="7"/>
      <c r="X9" s="7"/>
      <c r="Y9" s="7"/>
    </row>
    <row r="10" spans="1:25" ht="20.25" customHeight="1" x14ac:dyDescent="0.2">
      <c r="A10" s="4"/>
      <c r="B10" s="24" t="s">
        <v>23</v>
      </c>
      <c r="C10" s="25" t="s">
        <v>14</v>
      </c>
      <c r="D10" s="25" t="s">
        <v>5</v>
      </c>
      <c r="E10" s="25" t="s">
        <v>11</v>
      </c>
      <c r="F10" s="25" t="s">
        <v>15</v>
      </c>
      <c r="G10" s="25" t="s">
        <v>16</v>
      </c>
      <c r="H10" s="25" t="s">
        <v>22</v>
      </c>
      <c r="I10" s="25" t="s">
        <v>17</v>
      </c>
      <c r="J10" s="25" t="s">
        <v>12</v>
      </c>
      <c r="K10" s="26" t="s">
        <v>13</v>
      </c>
      <c r="L10" s="25" t="s">
        <v>18</v>
      </c>
      <c r="M10" s="25" t="s">
        <v>19</v>
      </c>
      <c r="N10" s="11" t="s">
        <v>20</v>
      </c>
      <c r="O10" s="11" t="s">
        <v>21</v>
      </c>
      <c r="P10" s="11" t="s">
        <v>24</v>
      </c>
      <c r="Q10" s="10"/>
      <c r="R10" s="11"/>
      <c r="S10" s="11"/>
      <c r="T10" s="11"/>
      <c r="U10" s="11"/>
      <c r="V10" s="7"/>
      <c r="W10" s="7"/>
      <c r="X10" s="7"/>
      <c r="Y10" s="7"/>
    </row>
    <row r="11" spans="1:25" ht="20.25" customHeight="1" x14ac:dyDescent="0.2">
      <c r="A11" s="4"/>
      <c r="B11" s="9">
        <v>1</v>
      </c>
      <c r="C11" s="9">
        <f>$R$4</f>
        <v>0</v>
      </c>
      <c r="D11" s="9">
        <f>$R$5</f>
        <v>0</v>
      </c>
      <c r="E11" s="9">
        <f>$R$6</f>
        <v>0</v>
      </c>
      <c r="F11" s="9">
        <f>$G$6</f>
        <v>0</v>
      </c>
      <c r="G11" s="9">
        <f>$I$6</f>
        <v>0</v>
      </c>
      <c r="H11" s="9">
        <f>$L$6</f>
        <v>0</v>
      </c>
      <c r="I11" s="9"/>
      <c r="J11" s="9">
        <f>$G$5</f>
        <v>0</v>
      </c>
      <c r="K11" s="9">
        <f>$I$5</f>
        <v>0</v>
      </c>
      <c r="L11" s="9">
        <f>$L$5</f>
        <v>0</v>
      </c>
      <c r="M11" s="9">
        <f>$G$6</f>
        <v>0</v>
      </c>
      <c r="N11" s="9">
        <f>$I$6</f>
        <v>0</v>
      </c>
      <c r="O11" s="9">
        <f>$L$6</f>
        <v>0</v>
      </c>
      <c r="P11" s="9">
        <f>$I$8</f>
        <v>0</v>
      </c>
      <c r="Q11" s="9"/>
      <c r="R11" s="9"/>
      <c r="S11" s="9"/>
      <c r="T11" s="9"/>
      <c r="U11" s="7"/>
      <c r="V11" s="7"/>
      <c r="W11" s="7"/>
      <c r="X11" s="7"/>
      <c r="Y11" s="7"/>
    </row>
    <row r="12" spans="1:25" x14ac:dyDescent="0.2">
      <c r="A12" s="4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</row>
    <row r="13" spans="1:25" x14ac:dyDescent="0.2">
      <c r="A13" s="4"/>
      <c r="B13" s="4"/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N13" s="4"/>
      <c r="O13" s="4"/>
      <c r="P13" s="4"/>
      <c r="Q13" s="4"/>
      <c r="R13" s="4"/>
      <c r="S13" s="4"/>
      <c r="T13" s="4"/>
      <c r="U13" s="4"/>
      <c r="V13" s="4"/>
      <c r="W13" s="4"/>
      <c r="X13" s="4"/>
    </row>
    <row r="14" spans="1:25" ht="28.5" customHeight="1" x14ac:dyDescent="0.2">
      <c r="A14" s="4"/>
      <c r="B14" s="6"/>
      <c r="C14" s="4"/>
      <c r="D14" s="27" t="s">
        <v>3</v>
      </c>
      <c r="E14" s="28"/>
      <c r="F14" s="28"/>
      <c r="G14" s="28" t="s">
        <v>32</v>
      </c>
      <c r="H14" s="28"/>
      <c r="I14" s="28"/>
      <c r="J14" s="4"/>
      <c r="K14" s="4"/>
      <c r="L14" s="29">
        <v>6</v>
      </c>
      <c r="M14" s="4"/>
      <c r="N14" s="27" t="s">
        <v>3</v>
      </c>
      <c r="O14" s="30"/>
      <c r="P14" s="30"/>
      <c r="Q14" s="30" t="s">
        <v>33</v>
      </c>
      <c r="R14" s="30"/>
      <c r="S14" s="30"/>
      <c r="T14" s="4"/>
      <c r="U14" s="4"/>
      <c r="V14" s="4"/>
      <c r="W14" s="4"/>
    </row>
    <row r="15" spans="1:25" ht="24.75" customHeight="1" x14ac:dyDescent="0.2">
      <c r="A15" s="4"/>
      <c r="B15" s="6"/>
      <c r="C15" s="4"/>
      <c r="D15" s="18" t="s">
        <v>4</v>
      </c>
      <c r="E15" s="41" t="s">
        <v>0</v>
      </c>
      <c r="F15" s="42"/>
      <c r="G15" s="43"/>
      <c r="H15" s="31" t="s">
        <v>1</v>
      </c>
      <c r="I15" s="60" t="s">
        <v>2</v>
      </c>
      <c r="J15" s="60"/>
      <c r="K15" s="71" t="s">
        <v>25</v>
      </c>
      <c r="L15" s="71"/>
      <c r="M15" s="7"/>
      <c r="N15" s="18" t="s">
        <v>4</v>
      </c>
      <c r="O15" s="61" t="s">
        <v>0</v>
      </c>
      <c r="P15" s="62"/>
      <c r="Q15" s="63"/>
      <c r="R15" s="31" t="s">
        <v>1</v>
      </c>
      <c r="S15" s="60" t="s">
        <v>2</v>
      </c>
      <c r="T15" s="60"/>
      <c r="U15" s="71" t="s">
        <v>25</v>
      </c>
      <c r="V15" s="71"/>
      <c r="W15" s="4"/>
    </row>
    <row r="16" spans="1:25" ht="20.25" customHeight="1" x14ac:dyDescent="0.2">
      <c r="A16" s="4"/>
      <c r="B16" s="32"/>
      <c r="C16" s="32">
        <f>IF(H16&gt;1,1,0)</f>
        <v>0</v>
      </c>
      <c r="D16" s="33">
        <v>1</v>
      </c>
      <c r="E16" s="35"/>
      <c r="F16" s="36"/>
      <c r="G16" s="37"/>
      <c r="H16" s="34"/>
      <c r="I16" s="38"/>
      <c r="J16" s="38"/>
      <c r="K16" s="72">
        <f>$R$4</f>
        <v>0</v>
      </c>
      <c r="L16" s="72"/>
      <c r="M16" s="32">
        <f>IF(R16&gt;1,1,0)</f>
        <v>0</v>
      </c>
      <c r="N16" s="33">
        <v>1</v>
      </c>
      <c r="O16" s="35"/>
      <c r="P16" s="36"/>
      <c r="Q16" s="37"/>
      <c r="R16" s="34"/>
      <c r="S16" s="38"/>
      <c r="T16" s="38"/>
      <c r="U16" s="72">
        <f>$R$4</f>
        <v>0</v>
      </c>
      <c r="V16" s="72"/>
      <c r="W16" s="4"/>
    </row>
    <row r="17" spans="1:23" ht="20.25" customHeight="1" x14ac:dyDescent="0.2">
      <c r="A17" s="4"/>
      <c r="B17" s="6"/>
      <c r="C17" s="32">
        <f t="shared" ref="C17:C45" si="1">IF(H17&gt;1,1,0)</f>
        <v>0</v>
      </c>
      <c r="D17" s="33">
        <v>2</v>
      </c>
      <c r="E17" s="35"/>
      <c r="F17" s="36"/>
      <c r="G17" s="37"/>
      <c r="H17" s="34"/>
      <c r="I17" s="38"/>
      <c r="J17" s="38"/>
      <c r="K17" s="72">
        <f t="shared" ref="K17:K45" si="2">$R$4</f>
        <v>0</v>
      </c>
      <c r="L17" s="72"/>
      <c r="M17" s="32">
        <f t="shared" ref="M17:M45" si="3">IF(R17&gt;1,1,0)</f>
        <v>0</v>
      </c>
      <c r="N17" s="33">
        <v>2</v>
      </c>
      <c r="O17" s="35"/>
      <c r="P17" s="36"/>
      <c r="Q17" s="37"/>
      <c r="R17" s="34"/>
      <c r="S17" s="38"/>
      <c r="T17" s="38"/>
      <c r="U17" s="72">
        <f t="shared" ref="U17:U45" si="4">$R$4</f>
        <v>0</v>
      </c>
      <c r="V17" s="72"/>
      <c r="W17" s="4"/>
    </row>
    <row r="18" spans="1:23" ht="20.25" customHeight="1" x14ac:dyDescent="0.2">
      <c r="A18" s="4"/>
      <c r="B18" s="6"/>
      <c r="C18" s="32">
        <f t="shared" si="1"/>
        <v>0</v>
      </c>
      <c r="D18" s="33">
        <v>3</v>
      </c>
      <c r="E18" s="35"/>
      <c r="F18" s="36"/>
      <c r="G18" s="37"/>
      <c r="H18" s="34"/>
      <c r="I18" s="38"/>
      <c r="J18" s="38"/>
      <c r="K18" s="72">
        <f t="shared" si="2"/>
        <v>0</v>
      </c>
      <c r="L18" s="72"/>
      <c r="M18" s="32">
        <f t="shared" si="3"/>
        <v>0</v>
      </c>
      <c r="N18" s="33">
        <v>3</v>
      </c>
      <c r="O18" s="35"/>
      <c r="P18" s="36"/>
      <c r="Q18" s="37"/>
      <c r="R18" s="34"/>
      <c r="S18" s="38"/>
      <c r="T18" s="38"/>
      <c r="U18" s="72">
        <f t="shared" si="4"/>
        <v>0</v>
      </c>
      <c r="V18" s="72"/>
      <c r="W18" s="4"/>
    </row>
    <row r="19" spans="1:23" ht="20.25" customHeight="1" x14ac:dyDescent="0.2">
      <c r="A19" s="4"/>
      <c r="B19" s="6"/>
      <c r="C19" s="32">
        <f t="shared" si="1"/>
        <v>0</v>
      </c>
      <c r="D19" s="33">
        <v>4</v>
      </c>
      <c r="E19" s="35"/>
      <c r="F19" s="36"/>
      <c r="G19" s="37"/>
      <c r="H19" s="34"/>
      <c r="I19" s="38"/>
      <c r="J19" s="38"/>
      <c r="K19" s="72">
        <f t="shared" si="2"/>
        <v>0</v>
      </c>
      <c r="L19" s="72"/>
      <c r="M19" s="32">
        <f t="shared" si="3"/>
        <v>0</v>
      </c>
      <c r="N19" s="33">
        <v>4</v>
      </c>
      <c r="O19" s="35"/>
      <c r="P19" s="36"/>
      <c r="Q19" s="37"/>
      <c r="R19" s="34"/>
      <c r="S19" s="38"/>
      <c r="T19" s="38"/>
      <c r="U19" s="72">
        <f t="shared" si="4"/>
        <v>0</v>
      </c>
      <c r="V19" s="72"/>
      <c r="W19" s="4"/>
    </row>
    <row r="20" spans="1:23" ht="20.25" customHeight="1" x14ac:dyDescent="0.2">
      <c r="A20" s="4"/>
      <c r="B20" s="6"/>
      <c r="C20" s="32">
        <f t="shared" si="1"/>
        <v>0</v>
      </c>
      <c r="D20" s="33">
        <v>5</v>
      </c>
      <c r="E20" s="35"/>
      <c r="F20" s="36"/>
      <c r="G20" s="37"/>
      <c r="H20" s="34"/>
      <c r="I20" s="38"/>
      <c r="J20" s="38"/>
      <c r="K20" s="72">
        <f t="shared" si="2"/>
        <v>0</v>
      </c>
      <c r="L20" s="72"/>
      <c r="M20" s="32">
        <f t="shared" si="3"/>
        <v>0</v>
      </c>
      <c r="N20" s="33">
        <v>5</v>
      </c>
      <c r="O20" s="35"/>
      <c r="P20" s="36"/>
      <c r="Q20" s="37"/>
      <c r="R20" s="34"/>
      <c r="S20" s="38"/>
      <c r="T20" s="38"/>
      <c r="U20" s="72">
        <f t="shared" si="4"/>
        <v>0</v>
      </c>
      <c r="V20" s="72"/>
      <c r="W20" s="4"/>
    </row>
    <row r="21" spans="1:23" ht="20.25" customHeight="1" x14ac:dyDescent="0.2">
      <c r="A21" s="4"/>
      <c r="B21" s="6"/>
      <c r="C21" s="32">
        <f t="shared" si="1"/>
        <v>0</v>
      </c>
      <c r="D21" s="33">
        <v>6</v>
      </c>
      <c r="E21" s="35"/>
      <c r="F21" s="36"/>
      <c r="G21" s="37"/>
      <c r="H21" s="34"/>
      <c r="I21" s="38"/>
      <c r="J21" s="38"/>
      <c r="K21" s="72">
        <f t="shared" si="2"/>
        <v>0</v>
      </c>
      <c r="L21" s="72"/>
      <c r="M21" s="32">
        <f t="shared" si="3"/>
        <v>0</v>
      </c>
      <c r="N21" s="33">
        <v>6</v>
      </c>
      <c r="O21" s="35"/>
      <c r="P21" s="36"/>
      <c r="Q21" s="37"/>
      <c r="R21" s="34"/>
      <c r="S21" s="38"/>
      <c r="T21" s="38"/>
      <c r="U21" s="72">
        <f t="shared" si="4"/>
        <v>0</v>
      </c>
      <c r="V21" s="72"/>
      <c r="W21" s="4"/>
    </row>
    <row r="22" spans="1:23" ht="20.25" customHeight="1" x14ac:dyDescent="0.2">
      <c r="A22" s="4"/>
      <c r="B22" s="6"/>
      <c r="C22" s="32">
        <f t="shared" si="1"/>
        <v>0</v>
      </c>
      <c r="D22" s="33">
        <v>7</v>
      </c>
      <c r="E22" s="35"/>
      <c r="F22" s="36"/>
      <c r="G22" s="37"/>
      <c r="H22" s="34"/>
      <c r="I22" s="38"/>
      <c r="J22" s="38"/>
      <c r="K22" s="72">
        <f t="shared" si="2"/>
        <v>0</v>
      </c>
      <c r="L22" s="72"/>
      <c r="M22" s="32">
        <f t="shared" si="3"/>
        <v>0</v>
      </c>
      <c r="N22" s="33">
        <v>7</v>
      </c>
      <c r="O22" s="35"/>
      <c r="P22" s="36"/>
      <c r="Q22" s="37"/>
      <c r="R22" s="34"/>
      <c r="S22" s="38"/>
      <c r="T22" s="38"/>
      <c r="U22" s="72">
        <f t="shared" si="4"/>
        <v>0</v>
      </c>
      <c r="V22" s="72"/>
      <c r="W22" s="4"/>
    </row>
    <row r="23" spans="1:23" ht="20.25" customHeight="1" x14ac:dyDescent="0.2">
      <c r="A23" s="4"/>
      <c r="B23" s="6"/>
      <c r="C23" s="32">
        <f t="shared" si="1"/>
        <v>0</v>
      </c>
      <c r="D23" s="33">
        <v>8</v>
      </c>
      <c r="E23" s="35"/>
      <c r="F23" s="36"/>
      <c r="G23" s="37"/>
      <c r="H23" s="34"/>
      <c r="I23" s="38"/>
      <c r="J23" s="38"/>
      <c r="K23" s="72">
        <f t="shared" si="2"/>
        <v>0</v>
      </c>
      <c r="L23" s="72"/>
      <c r="M23" s="32">
        <f t="shared" si="3"/>
        <v>0</v>
      </c>
      <c r="N23" s="33">
        <v>8</v>
      </c>
      <c r="O23" s="35"/>
      <c r="P23" s="36"/>
      <c r="Q23" s="37"/>
      <c r="R23" s="34"/>
      <c r="S23" s="38"/>
      <c r="T23" s="38"/>
      <c r="U23" s="72">
        <f t="shared" si="4"/>
        <v>0</v>
      </c>
      <c r="V23" s="72"/>
      <c r="W23" s="4"/>
    </row>
    <row r="24" spans="1:23" ht="20.25" customHeight="1" x14ac:dyDescent="0.2">
      <c r="A24" s="4"/>
      <c r="B24" s="6"/>
      <c r="C24" s="32">
        <f t="shared" si="1"/>
        <v>0</v>
      </c>
      <c r="D24" s="33">
        <v>9</v>
      </c>
      <c r="E24" s="35"/>
      <c r="F24" s="36"/>
      <c r="G24" s="37"/>
      <c r="H24" s="34"/>
      <c r="I24" s="38"/>
      <c r="J24" s="38"/>
      <c r="K24" s="72">
        <f t="shared" si="2"/>
        <v>0</v>
      </c>
      <c r="L24" s="72"/>
      <c r="M24" s="32">
        <f t="shared" si="3"/>
        <v>0</v>
      </c>
      <c r="N24" s="33">
        <v>9</v>
      </c>
      <c r="O24" s="35"/>
      <c r="P24" s="36"/>
      <c r="Q24" s="37"/>
      <c r="R24" s="34"/>
      <c r="S24" s="38"/>
      <c r="T24" s="38"/>
      <c r="U24" s="72">
        <f t="shared" si="4"/>
        <v>0</v>
      </c>
      <c r="V24" s="72"/>
      <c r="W24" s="4"/>
    </row>
    <row r="25" spans="1:23" ht="20.25" customHeight="1" x14ac:dyDescent="0.2">
      <c r="A25" s="4"/>
      <c r="B25" s="6"/>
      <c r="C25" s="32">
        <f t="shared" si="1"/>
        <v>0</v>
      </c>
      <c r="D25" s="33">
        <v>10</v>
      </c>
      <c r="E25" s="35"/>
      <c r="F25" s="36"/>
      <c r="G25" s="37"/>
      <c r="H25" s="34"/>
      <c r="I25" s="38"/>
      <c r="J25" s="38"/>
      <c r="K25" s="72">
        <f t="shared" si="2"/>
        <v>0</v>
      </c>
      <c r="L25" s="72"/>
      <c r="M25" s="32">
        <f t="shared" si="3"/>
        <v>0</v>
      </c>
      <c r="N25" s="33">
        <v>10</v>
      </c>
      <c r="O25" s="35"/>
      <c r="P25" s="36"/>
      <c r="Q25" s="37"/>
      <c r="R25" s="34"/>
      <c r="S25" s="38"/>
      <c r="T25" s="38"/>
      <c r="U25" s="72">
        <f t="shared" si="4"/>
        <v>0</v>
      </c>
      <c r="V25" s="72"/>
      <c r="W25" s="4"/>
    </row>
    <row r="26" spans="1:23" ht="20.25" customHeight="1" x14ac:dyDescent="0.2">
      <c r="A26" s="4"/>
      <c r="B26" s="6"/>
      <c r="C26" s="32">
        <f t="shared" si="1"/>
        <v>0</v>
      </c>
      <c r="D26" s="33">
        <v>11</v>
      </c>
      <c r="E26" s="35"/>
      <c r="F26" s="36"/>
      <c r="G26" s="37"/>
      <c r="H26" s="34"/>
      <c r="I26" s="38"/>
      <c r="J26" s="38"/>
      <c r="K26" s="72">
        <f t="shared" si="2"/>
        <v>0</v>
      </c>
      <c r="L26" s="72"/>
      <c r="M26" s="32">
        <f t="shared" si="3"/>
        <v>0</v>
      </c>
      <c r="N26" s="33">
        <v>11</v>
      </c>
      <c r="O26" s="35"/>
      <c r="P26" s="36"/>
      <c r="Q26" s="37"/>
      <c r="R26" s="34"/>
      <c r="S26" s="38"/>
      <c r="T26" s="38"/>
      <c r="U26" s="72">
        <f t="shared" si="4"/>
        <v>0</v>
      </c>
      <c r="V26" s="72"/>
      <c r="W26" s="4"/>
    </row>
    <row r="27" spans="1:23" ht="20.25" customHeight="1" x14ac:dyDescent="0.2">
      <c r="A27" s="4"/>
      <c r="B27" s="6"/>
      <c r="C27" s="32">
        <f t="shared" si="1"/>
        <v>0</v>
      </c>
      <c r="D27" s="33">
        <v>12</v>
      </c>
      <c r="E27" s="35"/>
      <c r="F27" s="36"/>
      <c r="G27" s="37"/>
      <c r="H27" s="34"/>
      <c r="I27" s="38"/>
      <c r="J27" s="38"/>
      <c r="K27" s="72">
        <f t="shared" si="2"/>
        <v>0</v>
      </c>
      <c r="L27" s="72"/>
      <c r="M27" s="32">
        <f t="shared" si="3"/>
        <v>0</v>
      </c>
      <c r="N27" s="33">
        <v>12</v>
      </c>
      <c r="O27" s="35"/>
      <c r="P27" s="36"/>
      <c r="Q27" s="37"/>
      <c r="R27" s="34"/>
      <c r="S27" s="38"/>
      <c r="T27" s="38"/>
      <c r="U27" s="72">
        <f t="shared" si="4"/>
        <v>0</v>
      </c>
      <c r="V27" s="72"/>
      <c r="W27" s="4"/>
    </row>
    <row r="28" spans="1:23" ht="20.25" customHeight="1" x14ac:dyDescent="0.2">
      <c r="A28" s="4"/>
      <c r="B28" s="6"/>
      <c r="C28" s="32">
        <f t="shared" si="1"/>
        <v>0</v>
      </c>
      <c r="D28" s="33">
        <v>13</v>
      </c>
      <c r="E28" s="35"/>
      <c r="F28" s="36"/>
      <c r="G28" s="37"/>
      <c r="H28" s="34"/>
      <c r="I28" s="38"/>
      <c r="J28" s="38"/>
      <c r="K28" s="72">
        <f t="shared" si="2"/>
        <v>0</v>
      </c>
      <c r="L28" s="72"/>
      <c r="M28" s="32">
        <f t="shared" si="3"/>
        <v>0</v>
      </c>
      <c r="N28" s="33">
        <v>13</v>
      </c>
      <c r="O28" s="35"/>
      <c r="P28" s="36"/>
      <c r="Q28" s="37"/>
      <c r="R28" s="34"/>
      <c r="S28" s="38"/>
      <c r="T28" s="38"/>
      <c r="U28" s="72">
        <f t="shared" si="4"/>
        <v>0</v>
      </c>
      <c r="V28" s="72"/>
      <c r="W28" s="4"/>
    </row>
    <row r="29" spans="1:23" ht="20.25" customHeight="1" x14ac:dyDescent="0.2">
      <c r="A29" s="4"/>
      <c r="B29" s="6"/>
      <c r="C29" s="32">
        <f t="shared" si="1"/>
        <v>0</v>
      </c>
      <c r="D29" s="33">
        <v>14</v>
      </c>
      <c r="E29" s="35"/>
      <c r="F29" s="36"/>
      <c r="G29" s="37"/>
      <c r="H29" s="34"/>
      <c r="I29" s="38"/>
      <c r="J29" s="38"/>
      <c r="K29" s="72">
        <f t="shared" si="2"/>
        <v>0</v>
      </c>
      <c r="L29" s="72"/>
      <c r="M29" s="32">
        <f t="shared" si="3"/>
        <v>0</v>
      </c>
      <c r="N29" s="33">
        <v>14</v>
      </c>
      <c r="O29" s="35"/>
      <c r="P29" s="36"/>
      <c r="Q29" s="37"/>
      <c r="R29" s="34"/>
      <c r="S29" s="38"/>
      <c r="T29" s="38"/>
      <c r="U29" s="72">
        <f t="shared" si="4"/>
        <v>0</v>
      </c>
      <c r="V29" s="72"/>
      <c r="W29" s="4"/>
    </row>
    <row r="30" spans="1:23" ht="20.25" customHeight="1" x14ac:dyDescent="0.2">
      <c r="A30" s="4"/>
      <c r="B30" s="6"/>
      <c r="C30" s="32">
        <f t="shared" si="1"/>
        <v>0</v>
      </c>
      <c r="D30" s="33">
        <v>15</v>
      </c>
      <c r="E30" s="35"/>
      <c r="F30" s="36"/>
      <c r="G30" s="37"/>
      <c r="H30" s="34"/>
      <c r="I30" s="38"/>
      <c r="J30" s="38"/>
      <c r="K30" s="72">
        <f t="shared" si="2"/>
        <v>0</v>
      </c>
      <c r="L30" s="72"/>
      <c r="M30" s="32">
        <f t="shared" si="3"/>
        <v>0</v>
      </c>
      <c r="N30" s="33">
        <v>15</v>
      </c>
      <c r="O30" s="35"/>
      <c r="P30" s="36"/>
      <c r="Q30" s="37"/>
      <c r="R30" s="34"/>
      <c r="S30" s="38"/>
      <c r="T30" s="38"/>
      <c r="U30" s="72">
        <f t="shared" si="4"/>
        <v>0</v>
      </c>
      <c r="V30" s="72"/>
      <c r="W30" s="4"/>
    </row>
    <row r="31" spans="1:23" ht="20.25" customHeight="1" x14ac:dyDescent="0.2">
      <c r="A31" s="4"/>
      <c r="B31" s="6"/>
      <c r="C31" s="32">
        <f t="shared" si="1"/>
        <v>0</v>
      </c>
      <c r="D31" s="33">
        <v>16</v>
      </c>
      <c r="E31" s="35"/>
      <c r="F31" s="36"/>
      <c r="G31" s="37"/>
      <c r="H31" s="34"/>
      <c r="I31" s="38"/>
      <c r="J31" s="38"/>
      <c r="K31" s="72">
        <f t="shared" si="2"/>
        <v>0</v>
      </c>
      <c r="L31" s="72"/>
      <c r="M31" s="32">
        <f t="shared" si="3"/>
        <v>0</v>
      </c>
      <c r="N31" s="33">
        <v>16</v>
      </c>
      <c r="O31" s="35"/>
      <c r="P31" s="36"/>
      <c r="Q31" s="37"/>
      <c r="R31" s="34"/>
      <c r="S31" s="38"/>
      <c r="T31" s="38"/>
      <c r="U31" s="72">
        <f t="shared" si="4"/>
        <v>0</v>
      </c>
      <c r="V31" s="72"/>
      <c r="W31" s="4"/>
    </row>
    <row r="32" spans="1:23" ht="20.25" customHeight="1" x14ac:dyDescent="0.2">
      <c r="A32" s="4"/>
      <c r="B32" s="6"/>
      <c r="C32" s="32">
        <f t="shared" si="1"/>
        <v>0</v>
      </c>
      <c r="D32" s="33">
        <v>17</v>
      </c>
      <c r="E32" s="35"/>
      <c r="F32" s="36"/>
      <c r="G32" s="37"/>
      <c r="H32" s="34"/>
      <c r="I32" s="38"/>
      <c r="J32" s="38"/>
      <c r="K32" s="72">
        <f t="shared" si="2"/>
        <v>0</v>
      </c>
      <c r="L32" s="72"/>
      <c r="M32" s="32">
        <f t="shared" si="3"/>
        <v>0</v>
      </c>
      <c r="N32" s="33">
        <v>17</v>
      </c>
      <c r="O32" s="35"/>
      <c r="P32" s="36"/>
      <c r="Q32" s="37"/>
      <c r="R32" s="34"/>
      <c r="S32" s="38"/>
      <c r="T32" s="38"/>
      <c r="U32" s="72">
        <f t="shared" si="4"/>
        <v>0</v>
      </c>
      <c r="V32" s="72"/>
      <c r="W32" s="4"/>
    </row>
    <row r="33" spans="1:23" ht="20.25" customHeight="1" x14ac:dyDescent="0.2">
      <c r="A33" s="4"/>
      <c r="B33" s="6"/>
      <c r="C33" s="32">
        <f t="shared" si="1"/>
        <v>0</v>
      </c>
      <c r="D33" s="33">
        <v>18</v>
      </c>
      <c r="E33" s="35"/>
      <c r="F33" s="36"/>
      <c r="G33" s="37"/>
      <c r="H33" s="34"/>
      <c r="I33" s="38"/>
      <c r="J33" s="38"/>
      <c r="K33" s="72">
        <f t="shared" si="2"/>
        <v>0</v>
      </c>
      <c r="L33" s="72"/>
      <c r="M33" s="32">
        <f t="shared" si="3"/>
        <v>0</v>
      </c>
      <c r="N33" s="33">
        <v>18</v>
      </c>
      <c r="O33" s="35"/>
      <c r="P33" s="36"/>
      <c r="Q33" s="37"/>
      <c r="R33" s="34"/>
      <c r="S33" s="38"/>
      <c r="T33" s="38"/>
      <c r="U33" s="72">
        <f t="shared" si="4"/>
        <v>0</v>
      </c>
      <c r="V33" s="72"/>
      <c r="W33" s="4"/>
    </row>
    <row r="34" spans="1:23" ht="20.25" customHeight="1" x14ac:dyDescent="0.2">
      <c r="A34" s="4"/>
      <c r="B34" s="6"/>
      <c r="C34" s="32">
        <f t="shared" si="1"/>
        <v>0</v>
      </c>
      <c r="D34" s="33">
        <v>19</v>
      </c>
      <c r="E34" s="35"/>
      <c r="F34" s="36"/>
      <c r="G34" s="37"/>
      <c r="H34" s="34"/>
      <c r="I34" s="38"/>
      <c r="J34" s="38"/>
      <c r="K34" s="72">
        <f t="shared" si="2"/>
        <v>0</v>
      </c>
      <c r="L34" s="72"/>
      <c r="M34" s="32">
        <f t="shared" si="3"/>
        <v>0</v>
      </c>
      <c r="N34" s="33">
        <v>19</v>
      </c>
      <c r="O34" s="35"/>
      <c r="P34" s="36"/>
      <c r="Q34" s="37"/>
      <c r="R34" s="34"/>
      <c r="S34" s="38"/>
      <c r="T34" s="38"/>
      <c r="U34" s="72">
        <f t="shared" si="4"/>
        <v>0</v>
      </c>
      <c r="V34" s="72"/>
      <c r="W34" s="4"/>
    </row>
    <row r="35" spans="1:23" ht="20.25" customHeight="1" x14ac:dyDescent="0.2">
      <c r="A35" s="4"/>
      <c r="B35" s="6"/>
      <c r="C35" s="32">
        <f t="shared" si="1"/>
        <v>0</v>
      </c>
      <c r="D35" s="33">
        <v>20</v>
      </c>
      <c r="E35" s="35"/>
      <c r="F35" s="36"/>
      <c r="G35" s="37"/>
      <c r="H35" s="34"/>
      <c r="I35" s="38"/>
      <c r="J35" s="38"/>
      <c r="K35" s="72">
        <f t="shared" si="2"/>
        <v>0</v>
      </c>
      <c r="L35" s="72"/>
      <c r="M35" s="32">
        <f t="shared" si="3"/>
        <v>0</v>
      </c>
      <c r="N35" s="33">
        <v>20</v>
      </c>
      <c r="O35" s="35"/>
      <c r="P35" s="36"/>
      <c r="Q35" s="37"/>
      <c r="R35" s="34"/>
      <c r="S35" s="38"/>
      <c r="T35" s="38"/>
      <c r="U35" s="72">
        <f t="shared" si="4"/>
        <v>0</v>
      </c>
      <c r="V35" s="72"/>
      <c r="W35" s="4"/>
    </row>
    <row r="36" spans="1:23" ht="20.25" customHeight="1" x14ac:dyDescent="0.2">
      <c r="A36" s="4"/>
      <c r="B36" s="6"/>
      <c r="C36" s="32">
        <f t="shared" si="1"/>
        <v>0</v>
      </c>
      <c r="D36" s="33">
        <v>21</v>
      </c>
      <c r="E36" s="35"/>
      <c r="F36" s="36"/>
      <c r="G36" s="37"/>
      <c r="H36" s="34"/>
      <c r="I36" s="38"/>
      <c r="J36" s="38"/>
      <c r="K36" s="72">
        <f t="shared" si="2"/>
        <v>0</v>
      </c>
      <c r="L36" s="72"/>
      <c r="M36" s="32">
        <f t="shared" si="3"/>
        <v>0</v>
      </c>
      <c r="N36" s="33">
        <v>21</v>
      </c>
      <c r="O36" s="35"/>
      <c r="P36" s="36"/>
      <c r="Q36" s="37"/>
      <c r="R36" s="34"/>
      <c r="S36" s="38"/>
      <c r="T36" s="38"/>
      <c r="U36" s="72">
        <f t="shared" si="4"/>
        <v>0</v>
      </c>
      <c r="V36" s="72"/>
      <c r="W36" s="4"/>
    </row>
    <row r="37" spans="1:23" ht="20.25" customHeight="1" x14ac:dyDescent="0.2">
      <c r="A37" s="4"/>
      <c r="B37" s="6"/>
      <c r="C37" s="32">
        <f t="shared" si="1"/>
        <v>0</v>
      </c>
      <c r="D37" s="33">
        <v>22</v>
      </c>
      <c r="E37" s="35"/>
      <c r="F37" s="36"/>
      <c r="G37" s="37"/>
      <c r="H37" s="34"/>
      <c r="I37" s="38"/>
      <c r="J37" s="38"/>
      <c r="K37" s="72">
        <f t="shared" si="2"/>
        <v>0</v>
      </c>
      <c r="L37" s="72"/>
      <c r="M37" s="32">
        <f t="shared" si="3"/>
        <v>0</v>
      </c>
      <c r="N37" s="33">
        <v>22</v>
      </c>
      <c r="O37" s="35"/>
      <c r="P37" s="36"/>
      <c r="Q37" s="37"/>
      <c r="R37" s="34"/>
      <c r="S37" s="38"/>
      <c r="T37" s="38"/>
      <c r="U37" s="72">
        <f t="shared" si="4"/>
        <v>0</v>
      </c>
      <c r="V37" s="72"/>
      <c r="W37" s="4"/>
    </row>
    <row r="38" spans="1:23" ht="20.25" customHeight="1" x14ac:dyDescent="0.2">
      <c r="A38" s="4"/>
      <c r="B38" s="6"/>
      <c r="C38" s="32">
        <f t="shared" si="1"/>
        <v>0</v>
      </c>
      <c r="D38" s="33">
        <v>23</v>
      </c>
      <c r="E38" s="35"/>
      <c r="F38" s="36"/>
      <c r="G38" s="37"/>
      <c r="H38" s="34"/>
      <c r="I38" s="38"/>
      <c r="J38" s="38"/>
      <c r="K38" s="72">
        <f t="shared" si="2"/>
        <v>0</v>
      </c>
      <c r="L38" s="72"/>
      <c r="M38" s="32">
        <f t="shared" si="3"/>
        <v>0</v>
      </c>
      <c r="N38" s="33">
        <v>23</v>
      </c>
      <c r="O38" s="35"/>
      <c r="P38" s="36"/>
      <c r="Q38" s="37"/>
      <c r="R38" s="34"/>
      <c r="S38" s="38"/>
      <c r="T38" s="38"/>
      <c r="U38" s="72">
        <f t="shared" si="4"/>
        <v>0</v>
      </c>
      <c r="V38" s="72"/>
      <c r="W38" s="4"/>
    </row>
    <row r="39" spans="1:23" ht="20.25" customHeight="1" x14ac:dyDescent="0.2">
      <c r="A39" s="4"/>
      <c r="B39" s="6"/>
      <c r="C39" s="32">
        <f t="shared" si="1"/>
        <v>0</v>
      </c>
      <c r="D39" s="33">
        <v>24</v>
      </c>
      <c r="E39" s="35"/>
      <c r="F39" s="36"/>
      <c r="G39" s="37"/>
      <c r="H39" s="34"/>
      <c r="I39" s="38"/>
      <c r="J39" s="38"/>
      <c r="K39" s="72">
        <f t="shared" si="2"/>
        <v>0</v>
      </c>
      <c r="L39" s="72"/>
      <c r="M39" s="32">
        <f t="shared" si="3"/>
        <v>0</v>
      </c>
      <c r="N39" s="33">
        <v>24</v>
      </c>
      <c r="O39" s="35"/>
      <c r="P39" s="36"/>
      <c r="Q39" s="37"/>
      <c r="R39" s="34"/>
      <c r="S39" s="38"/>
      <c r="T39" s="38"/>
      <c r="U39" s="72">
        <f t="shared" si="4"/>
        <v>0</v>
      </c>
      <c r="V39" s="72"/>
      <c r="W39" s="4"/>
    </row>
    <row r="40" spans="1:23" ht="20.25" customHeight="1" x14ac:dyDescent="0.2">
      <c r="A40" s="4"/>
      <c r="B40" s="6"/>
      <c r="C40" s="32">
        <f t="shared" si="1"/>
        <v>0</v>
      </c>
      <c r="D40" s="33">
        <v>25</v>
      </c>
      <c r="E40" s="35"/>
      <c r="F40" s="36"/>
      <c r="G40" s="37"/>
      <c r="H40" s="34"/>
      <c r="I40" s="38"/>
      <c r="J40" s="38"/>
      <c r="K40" s="72">
        <f t="shared" si="2"/>
        <v>0</v>
      </c>
      <c r="L40" s="72"/>
      <c r="M40" s="32">
        <f t="shared" si="3"/>
        <v>0</v>
      </c>
      <c r="N40" s="33">
        <v>25</v>
      </c>
      <c r="O40" s="35"/>
      <c r="P40" s="36"/>
      <c r="Q40" s="37"/>
      <c r="R40" s="34"/>
      <c r="S40" s="38"/>
      <c r="T40" s="38"/>
      <c r="U40" s="72">
        <f t="shared" si="4"/>
        <v>0</v>
      </c>
      <c r="V40" s="72"/>
      <c r="W40" s="4"/>
    </row>
    <row r="41" spans="1:23" ht="20.25" customHeight="1" x14ac:dyDescent="0.2">
      <c r="A41" s="4"/>
      <c r="B41" s="6"/>
      <c r="C41" s="32">
        <f t="shared" si="1"/>
        <v>0</v>
      </c>
      <c r="D41" s="33">
        <v>26</v>
      </c>
      <c r="E41" s="35"/>
      <c r="F41" s="36"/>
      <c r="G41" s="37"/>
      <c r="H41" s="34"/>
      <c r="I41" s="38"/>
      <c r="J41" s="38"/>
      <c r="K41" s="72">
        <f t="shared" si="2"/>
        <v>0</v>
      </c>
      <c r="L41" s="72"/>
      <c r="M41" s="32">
        <f t="shared" si="3"/>
        <v>0</v>
      </c>
      <c r="N41" s="33">
        <v>26</v>
      </c>
      <c r="O41" s="35"/>
      <c r="P41" s="36"/>
      <c r="Q41" s="37"/>
      <c r="R41" s="34"/>
      <c r="S41" s="38"/>
      <c r="T41" s="38"/>
      <c r="U41" s="72">
        <f t="shared" si="4"/>
        <v>0</v>
      </c>
      <c r="V41" s="72"/>
      <c r="W41" s="4"/>
    </row>
    <row r="42" spans="1:23" ht="20.25" customHeight="1" x14ac:dyDescent="0.2">
      <c r="A42" s="4"/>
      <c r="B42" s="6"/>
      <c r="C42" s="32">
        <f t="shared" si="1"/>
        <v>0</v>
      </c>
      <c r="D42" s="33">
        <v>27</v>
      </c>
      <c r="E42" s="35"/>
      <c r="F42" s="36"/>
      <c r="G42" s="37"/>
      <c r="H42" s="34"/>
      <c r="I42" s="38"/>
      <c r="J42" s="38"/>
      <c r="K42" s="72">
        <f t="shared" si="2"/>
        <v>0</v>
      </c>
      <c r="L42" s="72"/>
      <c r="M42" s="32">
        <f t="shared" si="3"/>
        <v>0</v>
      </c>
      <c r="N42" s="33">
        <v>27</v>
      </c>
      <c r="O42" s="35"/>
      <c r="P42" s="36"/>
      <c r="Q42" s="37"/>
      <c r="R42" s="34"/>
      <c r="S42" s="38"/>
      <c r="T42" s="38"/>
      <c r="U42" s="72">
        <f t="shared" si="4"/>
        <v>0</v>
      </c>
      <c r="V42" s="72"/>
      <c r="W42" s="4"/>
    </row>
    <row r="43" spans="1:23" ht="20.25" customHeight="1" x14ac:dyDescent="0.2">
      <c r="A43" s="4"/>
      <c r="B43" s="6"/>
      <c r="C43" s="32">
        <f t="shared" si="1"/>
        <v>0</v>
      </c>
      <c r="D43" s="33">
        <v>28</v>
      </c>
      <c r="E43" s="35"/>
      <c r="F43" s="36"/>
      <c r="G43" s="37"/>
      <c r="H43" s="34"/>
      <c r="I43" s="38"/>
      <c r="J43" s="38"/>
      <c r="K43" s="72">
        <f t="shared" si="2"/>
        <v>0</v>
      </c>
      <c r="L43" s="72"/>
      <c r="M43" s="32">
        <f t="shared" si="3"/>
        <v>0</v>
      </c>
      <c r="N43" s="33">
        <v>28</v>
      </c>
      <c r="O43" s="35"/>
      <c r="P43" s="36"/>
      <c r="Q43" s="37"/>
      <c r="R43" s="34"/>
      <c r="S43" s="38"/>
      <c r="T43" s="38"/>
      <c r="U43" s="72">
        <f t="shared" si="4"/>
        <v>0</v>
      </c>
      <c r="V43" s="72"/>
      <c r="W43" s="4"/>
    </row>
    <row r="44" spans="1:23" ht="20.25" customHeight="1" x14ac:dyDescent="0.2">
      <c r="A44" s="4"/>
      <c r="B44" s="6"/>
      <c r="C44" s="32">
        <f t="shared" si="1"/>
        <v>0</v>
      </c>
      <c r="D44" s="33">
        <v>29</v>
      </c>
      <c r="E44" s="35"/>
      <c r="F44" s="36"/>
      <c r="G44" s="37"/>
      <c r="H44" s="34"/>
      <c r="I44" s="38"/>
      <c r="J44" s="38"/>
      <c r="K44" s="72">
        <f t="shared" si="2"/>
        <v>0</v>
      </c>
      <c r="L44" s="72"/>
      <c r="M44" s="32">
        <f t="shared" si="3"/>
        <v>0</v>
      </c>
      <c r="N44" s="33">
        <v>29</v>
      </c>
      <c r="O44" s="35"/>
      <c r="P44" s="36"/>
      <c r="Q44" s="37"/>
      <c r="R44" s="34"/>
      <c r="S44" s="38"/>
      <c r="T44" s="38"/>
      <c r="U44" s="72">
        <f t="shared" si="4"/>
        <v>0</v>
      </c>
      <c r="V44" s="72"/>
      <c r="W44" s="4"/>
    </row>
    <row r="45" spans="1:23" ht="20.25" customHeight="1" x14ac:dyDescent="0.2">
      <c r="A45" s="4"/>
      <c r="B45" s="6"/>
      <c r="C45" s="32">
        <f t="shared" si="1"/>
        <v>0</v>
      </c>
      <c r="D45" s="33">
        <v>30</v>
      </c>
      <c r="E45" s="35"/>
      <c r="F45" s="36"/>
      <c r="G45" s="37"/>
      <c r="H45" s="34"/>
      <c r="I45" s="38"/>
      <c r="J45" s="38"/>
      <c r="K45" s="72">
        <f t="shared" si="2"/>
        <v>0</v>
      </c>
      <c r="L45" s="72"/>
      <c r="M45" s="32">
        <f t="shared" si="3"/>
        <v>0</v>
      </c>
      <c r="N45" s="33">
        <v>30</v>
      </c>
      <c r="O45" s="35"/>
      <c r="P45" s="36"/>
      <c r="Q45" s="37"/>
      <c r="R45" s="34"/>
      <c r="S45" s="38"/>
      <c r="T45" s="38"/>
      <c r="U45" s="72">
        <f t="shared" si="4"/>
        <v>0</v>
      </c>
      <c r="V45" s="72"/>
      <c r="W45" s="4"/>
    </row>
    <row r="46" spans="1:23" ht="21" customHeight="1" x14ac:dyDescent="0.2">
      <c r="A46" s="4"/>
      <c r="B46" s="4"/>
      <c r="C46" s="4"/>
      <c r="D46" s="4" t="s">
        <v>28</v>
      </c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</row>
  </sheetData>
  <sheetProtection formatCells="0" formatColumns="0" formatRows="0" insertColumns="0" insertRows="0" selectLockedCells="1"/>
  <sortState xmlns:xlrd2="http://schemas.microsoft.com/office/spreadsheetml/2017/richdata2" ref="B71:X130">
    <sortCondition descending="1" ref="C71:C130"/>
  </sortState>
  <mergeCells count="200">
    <mergeCell ref="U40:V40"/>
    <mergeCell ref="U41:V41"/>
    <mergeCell ref="U42:V42"/>
    <mergeCell ref="U43:V43"/>
    <mergeCell ref="U44:V44"/>
    <mergeCell ref="U45:V45"/>
    <mergeCell ref="U31:V31"/>
    <mergeCell ref="U32:V32"/>
    <mergeCell ref="U33:V33"/>
    <mergeCell ref="U34:V34"/>
    <mergeCell ref="U35:V35"/>
    <mergeCell ref="U36:V36"/>
    <mergeCell ref="U37:V37"/>
    <mergeCell ref="U38:V38"/>
    <mergeCell ref="U39:V39"/>
    <mergeCell ref="K38:L38"/>
    <mergeCell ref="K39:L39"/>
    <mergeCell ref="K40:L40"/>
    <mergeCell ref="K41:L41"/>
    <mergeCell ref="K42:L42"/>
    <mergeCell ref="K43:L43"/>
    <mergeCell ref="K44:L44"/>
    <mergeCell ref="K45:L45"/>
    <mergeCell ref="U15:V15"/>
    <mergeCell ref="U16:V16"/>
    <mergeCell ref="U17:V17"/>
    <mergeCell ref="U18:V18"/>
    <mergeCell ref="U19:V19"/>
    <mergeCell ref="U20:V20"/>
    <mergeCell ref="U21:V21"/>
    <mergeCell ref="U22:V22"/>
    <mergeCell ref="U23:V23"/>
    <mergeCell ref="U24:V24"/>
    <mergeCell ref="U25:V25"/>
    <mergeCell ref="U26:V26"/>
    <mergeCell ref="U27:V27"/>
    <mergeCell ref="U28:V28"/>
    <mergeCell ref="U29:V29"/>
    <mergeCell ref="U30:V30"/>
    <mergeCell ref="I39:J39"/>
    <mergeCell ref="K15:L15"/>
    <mergeCell ref="K16:L16"/>
    <mergeCell ref="K17:L17"/>
    <mergeCell ref="K18:L18"/>
    <mergeCell ref="K19:L19"/>
    <mergeCell ref="K20:L20"/>
    <mergeCell ref="K21:L21"/>
    <mergeCell ref="K22:L22"/>
    <mergeCell ref="K23:L23"/>
    <mergeCell ref="K24:L24"/>
    <mergeCell ref="K25:L25"/>
    <mergeCell ref="K26:L26"/>
    <mergeCell ref="K27:L27"/>
    <mergeCell ref="K28:L28"/>
    <mergeCell ref="K29:L29"/>
    <mergeCell ref="K30:L30"/>
    <mergeCell ref="K31:L31"/>
    <mergeCell ref="K32:L32"/>
    <mergeCell ref="K33:L33"/>
    <mergeCell ref="K34:L34"/>
    <mergeCell ref="K35:L35"/>
    <mergeCell ref="K36:L36"/>
    <mergeCell ref="K37:L37"/>
    <mergeCell ref="O25:Q25"/>
    <mergeCell ref="C2:U2"/>
    <mergeCell ref="I45:J45"/>
    <mergeCell ref="I33:J33"/>
    <mergeCell ref="S33:T33"/>
    <mergeCell ref="S34:T34"/>
    <mergeCell ref="S35:T35"/>
    <mergeCell ref="I36:J36"/>
    <mergeCell ref="S36:T36"/>
    <mergeCell ref="C8:D8"/>
    <mergeCell ref="I8:K8"/>
    <mergeCell ref="R9:U9"/>
    <mergeCell ref="E26:G26"/>
    <mergeCell ref="E27:G27"/>
    <mergeCell ref="E28:G28"/>
    <mergeCell ref="E29:G29"/>
    <mergeCell ref="E30:G30"/>
    <mergeCell ref="I43:J43"/>
    <mergeCell ref="I44:J44"/>
    <mergeCell ref="I40:J40"/>
    <mergeCell ref="I41:J41"/>
    <mergeCell ref="I42:J42"/>
    <mergeCell ref="I34:J34"/>
    <mergeCell ref="I35:J35"/>
    <mergeCell ref="S24:T24"/>
    <mergeCell ref="S25:T25"/>
    <mergeCell ref="S26:T26"/>
    <mergeCell ref="S20:T20"/>
    <mergeCell ref="S21:T21"/>
    <mergeCell ref="S22:T22"/>
    <mergeCell ref="S23:T23"/>
    <mergeCell ref="S30:T30"/>
    <mergeCell ref="S31:T31"/>
    <mergeCell ref="I38:J38"/>
    <mergeCell ref="S38:T38"/>
    <mergeCell ref="I17:J17"/>
    <mergeCell ref="I18:J18"/>
    <mergeCell ref="I19:J19"/>
    <mergeCell ref="I15:J15"/>
    <mergeCell ref="I24:J24"/>
    <mergeCell ref="I25:J25"/>
    <mergeCell ref="I20:J20"/>
    <mergeCell ref="I21:J21"/>
    <mergeCell ref="I22:J22"/>
    <mergeCell ref="S32:T32"/>
    <mergeCell ref="S27:T27"/>
    <mergeCell ref="S28:T28"/>
    <mergeCell ref="S29:T29"/>
    <mergeCell ref="O15:Q15"/>
    <mergeCell ref="O27:Q27"/>
    <mergeCell ref="O28:Q28"/>
    <mergeCell ref="O29:Q29"/>
    <mergeCell ref="O30:Q30"/>
    <mergeCell ref="O31:Q31"/>
    <mergeCell ref="S17:T17"/>
    <mergeCell ref="S18:T18"/>
    <mergeCell ref="S19:T19"/>
    <mergeCell ref="E15:G15"/>
    <mergeCell ref="O18:Q18"/>
    <mergeCell ref="O19:Q19"/>
    <mergeCell ref="O20:Q20"/>
    <mergeCell ref="O21:Q21"/>
    <mergeCell ref="R4:U4"/>
    <mergeCell ref="R5:U5"/>
    <mergeCell ref="R6:U6"/>
    <mergeCell ref="O6:Q6"/>
    <mergeCell ref="O5:Q5"/>
    <mergeCell ref="O4:Q4"/>
    <mergeCell ref="R7:U7"/>
    <mergeCell ref="R8:U8"/>
    <mergeCell ref="M6:N6"/>
    <mergeCell ref="S15:T15"/>
    <mergeCell ref="S16:T16"/>
    <mergeCell ref="I16:J16"/>
    <mergeCell ref="E34:G34"/>
    <mergeCell ref="E35:G35"/>
    <mergeCell ref="O33:Q33"/>
    <mergeCell ref="O34:Q34"/>
    <mergeCell ref="O35:Q35"/>
    <mergeCell ref="E16:G16"/>
    <mergeCell ref="E17:G17"/>
    <mergeCell ref="O16:Q16"/>
    <mergeCell ref="O17:Q17"/>
    <mergeCell ref="E18:G18"/>
    <mergeCell ref="E19:G19"/>
    <mergeCell ref="E20:G20"/>
    <mergeCell ref="E21:G21"/>
    <mergeCell ref="E22:G22"/>
    <mergeCell ref="I29:J29"/>
    <mergeCell ref="I30:J30"/>
    <mergeCell ref="I31:J31"/>
    <mergeCell ref="I26:J26"/>
    <mergeCell ref="I27:J27"/>
    <mergeCell ref="I28:J28"/>
    <mergeCell ref="I23:J23"/>
    <mergeCell ref="O22:Q22"/>
    <mergeCell ref="O23:Q23"/>
    <mergeCell ref="O24:Q24"/>
    <mergeCell ref="E23:G23"/>
    <mergeCell ref="E24:G24"/>
    <mergeCell ref="E25:G25"/>
    <mergeCell ref="I32:J32"/>
    <mergeCell ref="O32:Q32"/>
    <mergeCell ref="G8:H8"/>
    <mergeCell ref="E43:G43"/>
    <mergeCell ref="O43:Q43"/>
    <mergeCell ref="S43:T43"/>
    <mergeCell ref="E36:G36"/>
    <mergeCell ref="O36:Q36"/>
    <mergeCell ref="E37:G37"/>
    <mergeCell ref="I37:J37"/>
    <mergeCell ref="O37:Q37"/>
    <mergeCell ref="O26:Q26"/>
    <mergeCell ref="S37:T37"/>
    <mergeCell ref="E38:G38"/>
    <mergeCell ref="O38:Q38"/>
    <mergeCell ref="E39:G39"/>
    <mergeCell ref="O39:Q39"/>
    <mergeCell ref="S39:T39"/>
    <mergeCell ref="E31:G31"/>
    <mergeCell ref="E32:G32"/>
    <mergeCell ref="E33:G33"/>
    <mergeCell ref="E44:G44"/>
    <mergeCell ref="O44:Q44"/>
    <mergeCell ref="S44:T44"/>
    <mergeCell ref="E45:G45"/>
    <mergeCell ref="O45:Q45"/>
    <mergeCell ref="S45:T45"/>
    <mergeCell ref="E40:G40"/>
    <mergeCell ref="O40:Q40"/>
    <mergeCell ref="S40:T40"/>
    <mergeCell ref="E41:G41"/>
    <mergeCell ref="O41:Q41"/>
    <mergeCell ref="S41:T41"/>
    <mergeCell ref="E42:G42"/>
    <mergeCell ref="O42:Q42"/>
    <mergeCell ref="S42:T42"/>
  </mergeCells>
  <phoneticPr fontId="1"/>
  <pageMargins left="0.31496062992125984" right="0.31496062992125984" top="0.74803149606299213" bottom="0.35433070866141736" header="0.31496062992125984" footer="0.31496062992125984"/>
  <pageSetup paperSize="9" scale="86" orientation="portrait" horizontalDpi="4294967293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>
      <selection activeCell="F23" sqref="F23"/>
    </sheetView>
  </sheetViews>
  <sheetFormatPr defaultRowHeight="13" x14ac:dyDescent="0.2"/>
  <sheetData/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>
      <selection activeCell="C43" sqref="C43"/>
    </sheetView>
  </sheetViews>
  <sheetFormatPr defaultRowHeight="13" x14ac:dyDescent="0.2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小学生（ロードレース）</vt:lpstr>
      <vt:lpstr>Sheet2</vt:lpstr>
      <vt:lpstr>Sheet3</vt:lpstr>
      <vt:lpstr>'小学生（ロードレース）'!Print_Area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738437</dc:creator>
  <cp:lastModifiedBy>小田　淳史</cp:lastModifiedBy>
  <cp:lastPrinted>2023-08-17T01:16:19Z</cp:lastPrinted>
  <dcterms:created xsi:type="dcterms:W3CDTF">2017-07-12T05:46:18Z</dcterms:created>
  <dcterms:modified xsi:type="dcterms:W3CDTF">2025-10-02T06:17:17Z</dcterms:modified>
</cp:coreProperties>
</file>